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2" r:id="rId5"/>
  </p:sldMasterIdLst>
  <p:notesMasterIdLst>
    <p:notesMasterId r:id="rId10"/>
  </p:notesMasterIdLst>
  <p:sldIdLst>
    <p:sldId id="270" r:id="rId6"/>
    <p:sldId id="271" r:id="rId7"/>
    <p:sldId id="274" r:id="rId8"/>
    <p:sldId id="273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8116217-1AF8-41D4-97A4-9E1DF48D2787}" v="32" dt="2024-01-05T11:57:06.95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4" d="100"/>
          <a:sy n="104" d="100"/>
        </p:scale>
        <p:origin x="756" y="108"/>
      </p:cViewPr>
      <p:guideLst>
        <p:guide orient="horz" pos="213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viewProps" Target="viewProps.xml"/><Relationship Id="rId17" Type="http://schemas.microsoft.com/office/2018/10/relationships/authors" Target="authors.xml"/><Relationship Id="rId2" Type="http://schemas.openxmlformats.org/officeDocument/2006/relationships/customXml" Target="../customXml/item2.xml"/><Relationship Id="rId16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microsoft.com/office/2016/11/relationships/changesInfo" Target="changesInfos/changesInfo1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ataly Echezuria" userId="016cf74e-e64d-40ef-b55b-1485ed1ed370" providerId="ADAL" clId="{A8116217-1AF8-41D4-97A4-9E1DF48D2787}"/>
    <pc:docChg chg="undo custSel modSld">
      <pc:chgData name="Nataly Echezuria" userId="016cf74e-e64d-40ef-b55b-1485ed1ed370" providerId="ADAL" clId="{A8116217-1AF8-41D4-97A4-9E1DF48D2787}" dt="2024-01-05T12:00:29.501" v="227"/>
      <pc:docMkLst>
        <pc:docMk/>
      </pc:docMkLst>
      <pc:sldChg chg="addSp delSp modSp mod">
        <pc:chgData name="Nataly Echezuria" userId="016cf74e-e64d-40ef-b55b-1485ed1ed370" providerId="ADAL" clId="{A8116217-1AF8-41D4-97A4-9E1DF48D2787}" dt="2024-01-05T12:00:29.501" v="227"/>
        <pc:sldMkLst>
          <pc:docMk/>
          <pc:sldMk cId="1842853321" sldId="270"/>
        </pc:sldMkLst>
        <pc:spChg chg="mod">
          <ac:chgData name="Nataly Echezuria" userId="016cf74e-e64d-40ef-b55b-1485ed1ed370" providerId="ADAL" clId="{A8116217-1AF8-41D4-97A4-9E1DF48D2787}" dt="2024-01-05T12:00:29.501" v="227"/>
          <ac:spMkLst>
            <pc:docMk/>
            <pc:sldMk cId="1842853321" sldId="270"/>
            <ac:spMk id="2" creationId="{86BBEA38-D4EA-354A-C0A7-F4FF3D9D75D3}"/>
          </ac:spMkLst>
        </pc:spChg>
        <pc:spChg chg="del mod">
          <ac:chgData name="Nataly Echezuria" userId="016cf74e-e64d-40ef-b55b-1485ed1ed370" providerId="ADAL" clId="{A8116217-1AF8-41D4-97A4-9E1DF48D2787}" dt="2024-01-05T11:43:58.169" v="51" actId="478"/>
          <ac:spMkLst>
            <pc:docMk/>
            <pc:sldMk cId="1842853321" sldId="270"/>
            <ac:spMk id="8" creationId="{183B3A07-24CC-C1F5-2CE0-970547FA5B6F}"/>
          </ac:spMkLst>
        </pc:spChg>
        <pc:spChg chg="del mod">
          <ac:chgData name="Nataly Echezuria" userId="016cf74e-e64d-40ef-b55b-1485ed1ed370" providerId="ADAL" clId="{A8116217-1AF8-41D4-97A4-9E1DF48D2787}" dt="2024-01-05T11:43:56.714" v="50" actId="478"/>
          <ac:spMkLst>
            <pc:docMk/>
            <pc:sldMk cId="1842853321" sldId="270"/>
            <ac:spMk id="10" creationId="{1AD3E06A-283C-F4B1-4B61-284D1AD63208}"/>
          </ac:spMkLst>
        </pc:spChg>
        <pc:spChg chg="add del mod">
          <ac:chgData name="Nataly Echezuria" userId="016cf74e-e64d-40ef-b55b-1485ed1ed370" providerId="ADAL" clId="{A8116217-1AF8-41D4-97A4-9E1DF48D2787}" dt="2024-01-05T11:43:55.674" v="49" actId="478"/>
          <ac:spMkLst>
            <pc:docMk/>
            <pc:sldMk cId="1842853321" sldId="270"/>
            <ac:spMk id="11" creationId="{6100609D-04CF-1B28-2856-83B84D3B7C11}"/>
          </ac:spMkLst>
        </pc:spChg>
        <pc:spChg chg="add del mod ord">
          <ac:chgData name="Nataly Echezuria" userId="016cf74e-e64d-40ef-b55b-1485ed1ed370" providerId="ADAL" clId="{A8116217-1AF8-41D4-97A4-9E1DF48D2787}" dt="2024-01-05T11:53:08.580" v="98" actId="478"/>
          <ac:spMkLst>
            <pc:docMk/>
            <pc:sldMk cId="1842853321" sldId="270"/>
            <ac:spMk id="12" creationId="{D552C9E3-9E30-E3F9-6165-6D543F93F6BB}"/>
          </ac:spMkLst>
        </pc:spChg>
        <pc:spChg chg="add del mod">
          <ac:chgData name="Nataly Echezuria" userId="016cf74e-e64d-40ef-b55b-1485ed1ed370" providerId="ADAL" clId="{A8116217-1AF8-41D4-97A4-9E1DF48D2787}" dt="2024-01-05T11:53:30.477" v="108" actId="478"/>
          <ac:spMkLst>
            <pc:docMk/>
            <pc:sldMk cId="1842853321" sldId="270"/>
            <ac:spMk id="13" creationId="{0ECB4A5E-327D-B54C-56DF-2FD2060E075F}"/>
          </ac:spMkLst>
        </pc:spChg>
        <pc:spChg chg="add del mod ord">
          <ac:chgData name="Nataly Echezuria" userId="016cf74e-e64d-40ef-b55b-1485ed1ed370" providerId="ADAL" clId="{A8116217-1AF8-41D4-97A4-9E1DF48D2787}" dt="2024-01-05T11:53:08.003" v="97" actId="478"/>
          <ac:spMkLst>
            <pc:docMk/>
            <pc:sldMk cId="1842853321" sldId="270"/>
            <ac:spMk id="14" creationId="{3012E4BC-5659-EAF5-7396-BE18090C6EE3}"/>
          </ac:spMkLst>
        </pc:spChg>
        <pc:spChg chg="del mod">
          <ac:chgData name="Nataly Echezuria" userId="016cf74e-e64d-40ef-b55b-1485ed1ed370" providerId="ADAL" clId="{A8116217-1AF8-41D4-97A4-9E1DF48D2787}" dt="2024-01-05T11:53:27.079" v="106" actId="478"/>
          <ac:spMkLst>
            <pc:docMk/>
            <pc:sldMk cId="1842853321" sldId="270"/>
            <ac:spMk id="16" creationId="{59F59A3D-CED1-4ADF-2CF9-425CD009A47F}"/>
          </ac:spMkLst>
        </pc:spChg>
        <pc:spChg chg="del mod">
          <ac:chgData name="Nataly Echezuria" userId="016cf74e-e64d-40ef-b55b-1485ed1ed370" providerId="ADAL" clId="{A8116217-1AF8-41D4-97A4-9E1DF48D2787}" dt="2024-01-05T11:53:28.940" v="107" actId="478"/>
          <ac:spMkLst>
            <pc:docMk/>
            <pc:sldMk cId="1842853321" sldId="270"/>
            <ac:spMk id="17" creationId="{D465639F-9275-2E8A-9EF1-40A3FCA9F8A1}"/>
          </ac:spMkLst>
        </pc:spChg>
        <pc:spChg chg="del mod">
          <ac:chgData name="Nataly Echezuria" userId="016cf74e-e64d-40ef-b55b-1485ed1ed370" providerId="ADAL" clId="{A8116217-1AF8-41D4-97A4-9E1DF48D2787}" dt="2024-01-05T11:53:24.653" v="105" actId="478"/>
          <ac:spMkLst>
            <pc:docMk/>
            <pc:sldMk cId="1842853321" sldId="270"/>
            <ac:spMk id="18" creationId="{458F7D6E-8846-A630-F0B1-EDE702ABDDDB}"/>
          </ac:spMkLst>
        </pc:spChg>
        <pc:spChg chg="add del mod ord">
          <ac:chgData name="Nataly Echezuria" userId="016cf74e-e64d-40ef-b55b-1485ed1ed370" providerId="ADAL" clId="{A8116217-1AF8-41D4-97A4-9E1DF48D2787}" dt="2024-01-05T11:53:07.240" v="96" actId="478"/>
          <ac:spMkLst>
            <pc:docMk/>
            <pc:sldMk cId="1842853321" sldId="270"/>
            <ac:spMk id="20" creationId="{2709B942-818C-AF57-7CD3-8A89B16658FB}"/>
          </ac:spMkLst>
        </pc:spChg>
        <pc:spChg chg="add del mod">
          <ac:chgData name="Nataly Echezuria" userId="016cf74e-e64d-40ef-b55b-1485ed1ed370" providerId="ADAL" clId="{A8116217-1AF8-41D4-97A4-9E1DF48D2787}" dt="2024-01-05T11:45:50.766" v="64" actId="478"/>
          <ac:spMkLst>
            <pc:docMk/>
            <pc:sldMk cId="1842853321" sldId="270"/>
            <ac:spMk id="22" creationId="{92D10AC4-1801-0D06-B99A-305289806B08}"/>
          </ac:spMkLst>
        </pc:spChg>
        <pc:spChg chg="add del mod">
          <ac:chgData name="Nataly Echezuria" userId="016cf74e-e64d-40ef-b55b-1485ed1ed370" providerId="ADAL" clId="{A8116217-1AF8-41D4-97A4-9E1DF48D2787}" dt="2024-01-05T11:46:14.341" v="67" actId="931"/>
          <ac:spMkLst>
            <pc:docMk/>
            <pc:sldMk cId="1842853321" sldId="270"/>
            <ac:spMk id="24" creationId="{C91AC944-1E68-6B7B-04D6-368F5EFF22D9}"/>
          </ac:spMkLst>
        </pc:spChg>
        <pc:spChg chg="add del mod">
          <ac:chgData name="Nataly Echezuria" userId="016cf74e-e64d-40ef-b55b-1485ed1ed370" providerId="ADAL" clId="{A8116217-1AF8-41D4-97A4-9E1DF48D2787}" dt="2024-01-05T11:53:14.074" v="99" actId="931"/>
          <ac:spMkLst>
            <pc:docMk/>
            <pc:sldMk cId="1842853321" sldId="270"/>
            <ac:spMk id="31" creationId="{88C7BA03-AD41-DC8B-E521-8DFBCC4F4FCD}"/>
          </ac:spMkLst>
        </pc:spChg>
        <pc:picChg chg="add del mod ord replST">
          <ac:chgData name="Nataly Echezuria" userId="016cf74e-e64d-40ef-b55b-1485ed1ed370" providerId="ADAL" clId="{A8116217-1AF8-41D4-97A4-9E1DF48D2787}" dt="2024-01-05T11:53:22.739" v="104" actId="478"/>
          <ac:picMkLst>
            <pc:docMk/>
            <pc:sldMk cId="1842853321" sldId="270"/>
            <ac:picMk id="4" creationId="{78650E58-FC19-185C-D320-AA88D2ABBA6F}"/>
          </ac:picMkLst>
        </pc:picChg>
        <pc:picChg chg="add del mod">
          <ac:chgData name="Nataly Echezuria" userId="016cf74e-e64d-40ef-b55b-1485ed1ed370" providerId="ADAL" clId="{A8116217-1AF8-41D4-97A4-9E1DF48D2787}" dt="2024-01-05T11:45:53.620" v="65" actId="478"/>
          <ac:picMkLst>
            <pc:docMk/>
            <pc:sldMk cId="1842853321" sldId="270"/>
            <ac:picMk id="5" creationId="{9BDEE33E-41D7-F7EA-E0D0-A4DAB50E1C61}"/>
          </ac:picMkLst>
        </pc:picChg>
        <pc:picChg chg="del mod">
          <ac:chgData name="Nataly Echezuria" userId="016cf74e-e64d-40ef-b55b-1485ed1ed370" providerId="ADAL" clId="{A8116217-1AF8-41D4-97A4-9E1DF48D2787}" dt="2024-01-05T11:35:08.384" v="4" actId="478"/>
          <ac:picMkLst>
            <pc:docMk/>
            <pc:sldMk cId="1842853321" sldId="270"/>
            <ac:picMk id="6" creationId="{E8DCC5DB-A901-36BA-23B9-F78295C84A00}"/>
          </ac:picMkLst>
        </pc:picChg>
        <pc:picChg chg="add del mod ord modCrop">
          <ac:chgData name="Nataly Echezuria" userId="016cf74e-e64d-40ef-b55b-1485ed1ed370" providerId="ADAL" clId="{A8116217-1AF8-41D4-97A4-9E1DF48D2787}" dt="2024-01-05T11:46:04.409" v="66" actId="478"/>
          <ac:picMkLst>
            <pc:docMk/>
            <pc:sldMk cId="1842853321" sldId="270"/>
            <ac:picMk id="9" creationId="{086DD431-AC76-08FF-A3B2-24D210363F89}"/>
          </ac:picMkLst>
        </pc:picChg>
        <pc:picChg chg="del">
          <ac:chgData name="Nataly Echezuria" userId="016cf74e-e64d-40ef-b55b-1485ed1ed370" providerId="ADAL" clId="{A8116217-1AF8-41D4-97A4-9E1DF48D2787}" dt="2024-01-05T11:35:09.911" v="5" actId="478"/>
          <ac:picMkLst>
            <pc:docMk/>
            <pc:sldMk cId="1842853321" sldId="270"/>
            <ac:picMk id="15" creationId="{8E99926D-0CEA-ED9A-56C8-2502B425E663}"/>
          </ac:picMkLst>
        </pc:picChg>
        <pc:picChg chg="add del">
          <ac:chgData name="Nataly Echezuria" userId="016cf74e-e64d-40ef-b55b-1485ed1ed370" providerId="ADAL" clId="{A8116217-1AF8-41D4-97A4-9E1DF48D2787}" dt="2024-01-05T11:41:02.037" v="34" actId="478"/>
          <ac:picMkLst>
            <pc:docMk/>
            <pc:sldMk cId="1842853321" sldId="270"/>
            <ac:picMk id="19" creationId="{95D330E6-9B0D-EC89-4DA3-A91ECED8A80C}"/>
          </ac:picMkLst>
        </pc:picChg>
        <pc:picChg chg="add del mod ord">
          <ac:chgData name="Nataly Echezuria" userId="016cf74e-e64d-40ef-b55b-1485ed1ed370" providerId="ADAL" clId="{A8116217-1AF8-41D4-97A4-9E1DF48D2787}" dt="2024-01-05T11:52:47.984" v="85" actId="478"/>
          <ac:picMkLst>
            <pc:docMk/>
            <pc:sldMk cId="1842853321" sldId="270"/>
            <ac:picMk id="26" creationId="{FC8FA6FE-438F-C543-8946-B798E309E578}"/>
          </ac:picMkLst>
        </pc:picChg>
        <pc:picChg chg="add del mod">
          <ac:chgData name="Nataly Echezuria" userId="016cf74e-e64d-40ef-b55b-1485ed1ed370" providerId="ADAL" clId="{A8116217-1AF8-41D4-97A4-9E1DF48D2787}" dt="2024-01-05T11:46:33.773" v="72"/>
          <ac:picMkLst>
            <pc:docMk/>
            <pc:sldMk cId="1842853321" sldId="270"/>
            <ac:picMk id="27" creationId="{0C512476-4416-6A51-3172-1A6E2DDA02F5}"/>
          </ac:picMkLst>
        </pc:picChg>
        <pc:picChg chg="add del mod">
          <ac:chgData name="Nataly Echezuria" userId="016cf74e-e64d-40ef-b55b-1485ed1ed370" providerId="ADAL" clId="{A8116217-1AF8-41D4-97A4-9E1DF48D2787}" dt="2024-01-05T11:46:37.785" v="74"/>
          <ac:picMkLst>
            <pc:docMk/>
            <pc:sldMk cId="1842853321" sldId="270"/>
            <ac:picMk id="28" creationId="{3E6C635E-C924-EE57-5CCE-B075E78A13CC}"/>
          </ac:picMkLst>
        </pc:picChg>
        <pc:picChg chg="add del mod">
          <ac:chgData name="Nataly Echezuria" userId="016cf74e-e64d-40ef-b55b-1485ed1ed370" providerId="ADAL" clId="{A8116217-1AF8-41D4-97A4-9E1DF48D2787}" dt="2024-01-05T11:53:20.979" v="103" actId="478"/>
          <ac:picMkLst>
            <pc:docMk/>
            <pc:sldMk cId="1842853321" sldId="270"/>
            <ac:picMk id="29" creationId="{CCE21BF0-7743-8752-5908-E9CB72778245}"/>
          </ac:picMkLst>
        </pc:picChg>
        <pc:picChg chg="add mod ord">
          <ac:chgData name="Nataly Echezuria" userId="016cf74e-e64d-40ef-b55b-1485ed1ed370" providerId="ADAL" clId="{A8116217-1AF8-41D4-97A4-9E1DF48D2787}" dt="2024-01-05T12:00:27.297" v="226"/>
          <ac:picMkLst>
            <pc:docMk/>
            <pc:sldMk cId="1842853321" sldId="270"/>
            <ac:picMk id="33" creationId="{4B0BE89B-4161-972C-5110-DE1F5DA63E36}"/>
          </ac:picMkLst>
        </pc:picChg>
      </pc:sldChg>
      <pc:sldChg chg="addSp delSp modSp mod">
        <pc:chgData name="Nataly Echezuria" userId="016cf74e-e64d-40ef-b55b-1485ed1ed370" providerId="ADAL" clId="{A8116217-1AF8-41D4-97A4-9E1DF48D2787}" dt="2024-01-05T11:59:53.315" v="221" actId="12788"/>
        <pc:sldMkLst>
          <pc:docMk/>
          <pc:sldMk cId="3035780936" sldId="271"/>
        </pc:sldMkLst>
        <pc:spChg chg="mod">
          <ac:chgData name="Nataly Echezuria" userId="016cf74e-e64d-40ef-b55b-1485ed1ed370" providerId="ADAL" clId="{A8116217-1AF8-41D4-97A4-9E1DF48D2787}" dt="2024-01-05T11:59:49.889" v="220" actId="14100"/>
          <ac:spMkLst>
            <pc:docMk/>
            <pc:sldMk cId="3035780936" sldId="271"/>
            <ac:spMk id="5" creationId="{8C2F15C8-4893-5703-E7FC-E8C0F7FE8EDB}"/>
          </ac:spMkLst>
        </pc:spChg>
        <pc:picChg chg="add del">
          <ac:chgData name="Nataly Echezuria" userId="016cf74e-e64d-40ef-b55b-1485ed1ed370" providerId="ADAL" clId="{A8116217-1AF8-41D4-97A4-9E1DF48D2787}" dt="2024-01-05T11:58:22.229" v="180" actId="478"/>
          <ac:picMkLst>
            <pc:docMk/>
            <pc:sldMk cId="3035780936" sldId="271"/>
            <ac:picMk id="4" creationId="{6EA1FD0E-BFAA-BFDD-E6AF-7CCBD03C1342}"/>
          </ac:picMkLst>
        </pc:picChg>
        <pc:picChg chg="add mod">
          <ac:chgData name="Nataly Echezuria" userId="016cf74e-e64d-40ef-b55b-1485ed1ed370" providerId="ADAL" clId="{A8116217-1AF8-41D4-97A4-9E1DF48D2787}" dt="2024-01-05T11:59:53.315" v="221" actId="12788"/>
          <ac:picMkLst>
            <pc:docMk/>
            <pc:sldMk cId="3035780936" sldId="271"/>
            <ac:picMk id="6" creationId="{C1099490-13FF-5757-CCED-2CEBEA7250BD}"/>
          </ac:picMkLst>
        </pc:picChg>
      </pc:sldChg>
      <pc:sldChg chg="addSp delSp modSp mod">
        <pc:chgData name="Nataly Echezuria" userId="016cf74e-e64d-40ef-b55b-1485ed1ed370" providerId="ADAL" clId="{A8116217-1AF8-41D4-97A4-9E1DF48D2787}" dt="2024-01-05T12:00:20.693" v="224"/>
        <pc:sldMkLst>
          <pc:docMk/>
          <pc:sldMk cId="2589883871" sldId="273"/>
        </pc:sldMkLst>
        <pc:spChg chg="del">
          <ac:chgData name="Nataly Echezuria" userId="016cf74e-e64d-40ef-b55b-1485ed1ed370" providerId="ADAL" clId="{A8116217-1AF8-41D4-97A4-9E1DF48D2787}" dt="2024-01-05T11:55:36.613" v="153" actId="478"/>
          <ac:spMkLst>
            <pc:docMk/>
            <pc:sldMk cId="2589883871" sldId="273"/>
            <ac:spMk id="3" creationId="{25D7D66E-6B7F-1D6C-167F-2A5F0E1FA169}"/>
          </ac:spMkLst>
        </pc:spChg>
        <pc:spChg chg="del">
          <ac:chgData name="Nataly Echezuria" userId="016cf74e-e64d-40ef-b55b-1485ed1ed370" providerId="ADAL" clId="{A8116217-1AF8-41D4-97A4-9E1DF48D2787}" dt="2024-01-05T11:55:39.719" v="157" actId="478"/>
          <ac:spMkLst>
            <pc:docMk/>
            <pc:sldMk cId="2589883871" sldId="273"/>
            <ac:spMk id="6" creationId="{C2E5B456-531F-DCA5-F39B-F3F9E25E9299}"/>
          </ac:spMkLst>
        </pc:spChg>
        <pc:spChg chg="del">
          <ac:chgData name="Nataly Echezuria" userId="016cf74e-e64d-40ef-b55b-1485ed1ed370" providerId="ADAL" clId="{A8116217-1AF8-41D4-97A4-9E1DF48D2787}" dt="2024-01-05T11:55:39.257" v="156" actId="478"/>
          <ac:spMkLst>
            <pc:docMk/>
            <pc:sldMk cId="2589883871" sldId="273"/>
            <ac:spMk id="7" creationId="{39F4B099-7BE9-3537-1AF9-C05254A9D87D}"/>
          </ac:spMkLst>
        </pc:spChg>
        <pc:spChg chg="del">
          <ac:chgData name="Nataly Echezuria" userId="016cf74e-e64d-40ef-b55b-1485ed1ed370" providerId="ADAL" clId="{A8116217-1AF8-41D4-97A4-9E1DF48D2787}" dt="2024-01-05T11:55:38.385" v="155" actId="478"/>
          <ac:spMkLst>
            <pc:docMk/>
            <pc:sldMk cId="2589883871" sldId="273"/>
            <ac:spMk id="8" creationId="{8CECFD17-5B4E-379D-166F-0E91B687F203}"/>
          </ac:spMkLst>
        </pc:spChg>
        <pc:spChg chg="del">
          <ac:chgData name="Nataly Echezuria" userId="016cf74e-e64d-40ef-b55b-1485ed1ed370" providerId="ADAL" clId="{A8116217-1AF8-41D4-97A4-9E1DF48D2787}" dt="2024-01-05T11:55:29.364" v="149" actId="478"/>
          <ac:spMkLst>
            <pc:docMk/>
            <pc:sldMk cId="2589883871" sldId="273"/>
            <ac:spMk id="9" creationId="{5CDC7C4F-3928-AE9F-E231-1A7CD13D8434}"/>
          </ac:spMkLst>
        </pc:spChg>
        <pc:spChg chg="del">
          <ac:chgData name="Nataly Echezuria" userId="016cf74e-e64d-40ef-b55b-1485ed1ed370" providerId="ADAL" clId="{A8116217-1AF8-41D4-97A4-9E1DF48D2787}" dt="2024-01-05T11:55:32.014" v="151" actId="478"/>
          <ac:spMkLst>
            <pc:docMk/>
            <pc:sldMk cId="2589883871" sldId="273"/>
            <ac:spMk id="11" creationId="{5F462A88-B8CF-42C3-BA3A-4DCEA5398896}"/>
          </ac:spMkLst>
        </pc:spChg>
        <pc:spChg chg="del">
          <ac:chgData name="Nataly Echezuria" userId="016cf74e-e64d-40ef-b55b-1485ed1ed370" providerId="ADAL" clId="{A8116217-1AF8-41D4-97A4-9E1DF48D2787}" dt="2024-01-05T11:55:33.972" v="152" actId="478"/>
          <ac:spMkLst>
            <pc:docMk/>
            <pc:sldMk cId="2589883871" sldId="273"/>
            <ac:spMk id="13" creationId="{7DC0FE9E-0A94-234D-3CCB-06DE63F64416}"/>
          </ac:spMkLst>
        </pc:spChg>
        <pc:spChg chg="mod">
          <ac:chgData name="Nataly Echezuria" userId="016cf74e-e64d-40ef-b55b-1485ed1ed370" providerId="ADAL" clId="{A8116217-1AF8-41D4-97A4-9E1DF48D2787}" dt="2024-01-05T11:55:25.597" v="148" actId="20577"/>
          <ac:spMkLst>
            <pc:docMk/>
            <pc:sldMk cId="2589883871" sldId="273"/>
            <ac:spMk id="20" creationId="{3AEA561C-FDFF-CCBC-88F5-F891CB5B4C91}"/>
          </ac:spMkLst>
        </pc:spChg>
        <pc:picChg chg="del">
          <ac:chgData name="Nataly Echezuria" userId="016cf74e-e64d-40ef-b55b-1485ed1ed370" providerId="ADAL" clId="{A8116217-1AF8-41D4-97A4-9E1DF48D2787}" dt="2024-01-05T11:55:40.957" v="158" actId="478"/>
          <ac:picMkLst>
            <pc:docMk/>
            <pc:sldMk cId="2589883871" sldId="273"/>
            <ac:picMk id="2" creationId="{BBB3A0DD-9AA6-F665-E723-546433741E9C}"/>
          </ac:picMkLst>
        </pc:picChg>
        <pc:picChg chg="del">
          <ac:chgData name="Nataly Echezuria" userId="016cf74e-e64d-40ef-b55b-1485ed1ed370" providerId="ADAL" clId="{A8116217-1AF8-41D4-97A4-9E1DF48D2787}" dt="2024-01-05T11:55:37.511" v="154" actId="478"/>
          <ac:picMkLst>
            <pc:docMk/>
            <pc:sldMk cId="2589883871" sldId="273"/>
            <ac:picMk id="4" creationId="{AAB807FD-A757-2885-7094-A0B9075FE2A7}"/>
          </ac:picMkLst>
        </pc:picChg>
        <pc:picChg chg="add mod ord">
          <ac:chgData name="Nataly Echezuria" userId="016cf74e-e64d-40ef-b55b-1485ed1ed370" providerId="ADAL" clId="{A8116217-1AF8-41D4-97A4-9E1DF48D2787}" dt="2024-01-05T12:00:20.693" v="224"/>
          <ac:picMkLst>
            <pc:docMk/>
            <pc:sldMk cId="2589883871" sldId="273"/>
            <ac:picMk id="5" creationId="{F6431743-B646-DE62-FE89-66BD5F91C881}"/>
          </ac:picMkLst>
        </pc:picChg>
        <pc:picChg chg="del">
          <ac:chgData name="Nataly Echezuria" userId="016cf74e-e64d-40ef-b55b-1485ed1ed370" providerId="ADAL" clId="{A8116217-1AF8-41D4-97A4-9E1DF48D2787}" dt="2024-01-05T11:55:30.462" v="150" actId="478"/>
          <ac:picMkLst>
            <pc:docMk/>
            <pc:sldMk cId="2589883871" sldId="273"/>
            <ac:picMk id="12" creationId="{1290AFFD-87EE-326F-287F-392F3FDE125E}"/>
          </ac:picMkLst>
        </pc:picChg>
      </pc:sldChg>
      <pc:sldChg chg="addSp delSp modSp mod">
        <pc:chgData name="Nataly Echezuria" userId="016cf74e-e64d-40ef-b55b-1485ed1ed370" providerId="ADAL" clId="{A8116217-1AF8-41D4-97A4-9E1DF48D2787}" dt="2024-01-05T12:00:23.409" v="225"/>
        <pc:sldMkLst>
          <pc:docMk/>
          <pc:sldMk cId="847787837" sldId="274"/>
        </pc:sldMkLst>
        <pc:spChg chg="del">
          <ac:chgData name="Nataly Echezuria" userId="016cf74e-e64d-40ef-b55b-1485ed1ed370" providerId="ADAL" clId="{A8116217-1AF8-41D4-97A4-9E1DF48D2787}" dt="2024-01-05T11:54:49.563" v="135" actId="478"/>
          <ac:spMkLst>
            <pc:docMk/>
            <pc:sldMk cId="847787837" sldId="274"/>
            <ac:spMk id="2" creationId="{D090CAFA-8D29-8952-401A-6DEDCA316B89}"/>
          </ac:spMkLst>
        </pc:spChg>
        <pc:spChg chg="del">
          <ac:chgData name="Nataly Echezuria" userId="016cf74e-e64d-40ef-b55b-1485ed1ed370" providerId="ADAL" clId="{A8116217-1AF8-41D4-97A4-9E1DF48D2787}" dt="2024-01-05T11:54:46.566" v="133" actId="478"/>
          <ac:spMkLst>
            <pc:docMk/>
            <pc:sldMk cId="847787837" sldId="274"/>
            <ac:spMk id="4" creationId="{79581622-2AD9-2E7E-0201-ABEF801CDD60}"/>
          </ac:spMkLst>
        </pc:spChg>
        <pc:spChg chg="mod">
          <ac:chgData name="Nataly Echezuria" userId="016cf74e-e64d-40ef-b55b-1485ed1ed370" providerId="ADAL" clId="{A8116217-1AF8-41D4-97A4-9E1DF48D2787}" dt="2024-01-05T11:54:32.233" v="128"/>
          <ac:spMkLst>
            <pc:docMk/>
            <pc:sldMk cId="847787837" sldId="274"/>
            <ac:spMk id="7" creationId="{22BEFDDE-4F75-E4C1-D461-F2DC7262A728}"/>
          </ac:spMkLst>
        </pc:spChg>
        <pc:spChg chg="del mod">
          <ac:chgData name="Nataly Echezuria" userId="016cf74e-e64d-40ef-b55b-1485ed1ed370" providerId="ADAL" clId="{A8116217-1AF8-41D4-97A4-9E1DF48D2787}" dt="2024-01-05T11:54:40.414" v="130" actId="478"/>
          <ac:spMkLst>
            <pc:docMk/>
            <pc:sldMk cId="847787837" sldId="274"/>
            <ac:spMk id="8" creationId="{4196606E-169E-6690-0E1C-F34ECE029392}"/>
          </ac:spMkLst>
        </pc:spChg>
        <pc:spChg chg="del mod">
          <ac:chgData name="Nataly Echezuria" userId="016cf74e-e64d-40ef-b55b-1485ed1ed370" providerId="ADAL" clId="{A8116217-1AF8-41D4-97A4-9E1DF48D2787}" dt="2024-01-05T11:54:41.482" v="131" actId="478"/>
          <ac:spMkLst>
            <pc:docMk/>
            <pc:sldMk cId="847787837" sldId="274"/>
            <ac:spMk id="9" creationId="{E28A85AC-7368-3C1B-B463-7638EA9FE35A}"/>
          </ac:spMkLst>
        </pc:spChg>
        <pc:spChg chg="del mod">
          <ac:chgData name="Nataly Echezuria" userId="016cf74e-e64d-40ef-b55b-1485ed1ed370" providerId="ADAL" clId="{A8116217-1AF8-41D4-97A4-9E1DF48D2787}" dt="2024-01-05T11:54:42.167" v="132" actId="478"/>
          <ac:spMkLst>
            <pc:docMk/>
            <pc:sldMk cId="847787837" sldId="274"/>
            <ac:spMk id="10" creationId="{26D56151-12C9-2F75-B0A2-C2AC91AFB154}"/>
          </ac:spMkLst>
        </pc:spChg>
        <pc:spChg chg="del">
          <ac:chgData name="Nataly Echezuria" userId="016cf74e-e64d-40ef-b55b-1485ed1ed370" providerId="ADAL" clId="{A8116217-1AF8-41D4-97A4-9E1DF48D2787}" dt="2024-01-05T11:54:53.625" v="138" actId="478"/>
          <ac:spMkLst>
            <pc:docMk/>
            <pc:sldMk cId="847787837" sldId="274"/>
            <ac:spMk id="12" creationId="{24EFB081-7080-BC01-1743-242BFA394033}"/>
          </ac:spMkLst>
        </pc:spChg>
        <pc:spChg chg="del">
          <ac:chgData name="Nataly Echezuria" userId="016cf74e-e64d-40ef-b55b-1485ed1ed370" providerId="ADAL" clId="{A8116217-1AF8-41D4-97A4-9E1DF48D2787}" dt="2024-01-05T11:54:51.193" v="136" actId="478"/>
          <ac:spMkLst>
            <pc:docMk/>
            <pc:sldMk cId="847787837" sldId="274"/>
            <ac:spMk id="14" creationId="{9057CC46-28C3-A44E-F703-836CE0A5961F}"/>
          </ac:spMkLst>
        </pc:spChg>
        <pc:spChg chg="add del mod">
          <ac:chgData name="Nataly Echezuria" userId="016cf74e-e64d-40ef-b55b-1485ed1ed370" providerId="ADAL" clId="{A8116217-1AF8-41D4-97A4-9E1DF48D2787}" dt="2024-01-05T12:00:08.627" v="223" actId="478"/>
          <ac:spMkLst>
            <pc:docMk/>
            <pc:sldMk cId="847787837" sldId="274"/>
            <ac:spMk id="15" creationId="{A5243C4B-3A89-4453-3C9A-B6E4678BA282}"/>
          </ac:spMkLst>
        </pc:spChg>
        <pc:spChg chg="mod">
          <ac:chgData name="Nataly Echezuria" userId="016cf74e-e64d-40ef-b55b-1485ed1ed370" providerId="ADAL" clId="{A8116217-1AF8-41D4-97A4-9E1DF48D2787}" dt="2024-01-05T11:57:06.956" v="171"/>
          <ac:spMkLst>
            <pc:docMk/>
            <pc:sldMk cId="847787837" sldId="274"/>
            <ac:spMk id="17" creationId="{50B0BC8D-FEDB-D0D7-57E0-2F5341FF0132}"/>
          </ac:spMkLst>
        </pc:spChg>
        <pc:spChg chg="mod">
          <ac:chgData name="Nataly Echezuria" userId="016cf74e-e64d-40ef-b55b-1485ed1ed370" providerId="ADAL" clId="{A8116217-1AF8-41D4-97A4-9E1DF48D2787}" dt="2024-01-05T11:55:15.224" v="144" actId="1035"/>
          <ac:spMkLst>
            <pc:docMk/>
            <pc:sldMk cId="847787837" sldId="274"/>
            <ac:spMk id="18" creationId="{B1601A08-41E0-6E3A-8352-1CDE1E167D9A}"/>
          </ac:spMkLst>
        </pc:spChg>
        <pc:spChg chg="mod">
          <ac:chgData name="Nataly Echezuria" userId="016cf74e-e64d-40ef-b55b-1485ed1ed370" providerId="ADAL" clId="{A8116217-1AF8-41D4-97A4-9E1DF48D2787}" dt="2024-01-05T11:57:06.956" v="171"/>
          <ac:spMkLst>
            <pc:docMk/>
            <pc:sldMk cId="847787837" sldId="274"/>
            <ac:spMk id="19" creationId="{6D4FF791-DB9C-0E69-3081-9C3E9D40D363}"/>
          </ac:spMkLst>
        </pc:spChg>
        <pc:spChg chg="mod">
          <ac:chgData name="Nataly Echezuria" userId="016cf74e-e64d-40ef-b55b-1485ed1ed370" providerId="ADAL" clId="{A8116217-1AF8-41D4-97A4-9E1DF48D2787}" dt="2024-01-05T11:57:06.956" v="171"/>
          <ac:spMkLst>
            <pc:docMk/>
            <pc:sldMk cId="847787837" sldId="274"/>
            <ac:spMk id="20" creationId="{19579F85-C8CB-ECF4-8B11-FE2BCEA5E9D2}"/>
          </ac:spMkLst>
        </pc:spChg>
        <pc:grpChg chg="add del mod ord">
          <ac:chgData name="Nataly Echezuria" userId="016cf74e-e64d-40ef-b55b-1485ed1ed370" providerId="ADAL" clId="{A8116217-1AF8-41D4-97A4-9E1DF48D2787}" dt="2024-01-05T12:00:08.084" v="222" actId="478"/>
          <ac:grpSpMkLst>
            <pc:docMk/>
            <pc:sldMk cId="847787837" sldId="274"/>
            <ac:grpSpMk id="16" creationId="{FCBB729A-3696-C93D-B0CE-4312376C7F6A}"/>
          </ac:grpSpMkLst>
        </pc:grpChg>
        <pc:picChg chg="del">
          <ac:chgData name="Nataly Echezuria" userId="016cf74e-e64d-40ef-b55b-1485ed1ed370" providerId="ADAL" clId="{A8116217-1AF8-41D4-97A4-9E1DF48D2787}" dt="2024-01-05T11:54:48.384" v="134" actId="478"/>
          <ac:picMkLst>
            <pc:docMk/>
            <pc:sldMk cId="847787837" sldId="274"/>
            <ac:picMk id="3" creationId="{6C55118C-48E4-117E-6379-C84AD74909F2}"/>
          </ac:picMkLst>
        </pc:picChg>
        <pc:picChg chg="del mod">
          <ac:chgData name="Nataly Echezuria" userId="016cf74e-e64d-40ef-b55b-1485ed1ed370" providerId="ADAL" clId="{A8116217-1AF8-41D4-97A4-9E1DF48D2787}" dt="2024-01-05T11:54:37.127" v="129" actId="478"/>
          <ac:picMkLst>
            <pc:docMk/>
            <pc:sldMk cId="847787837" sldId="274"/>
            <ac:picMk id="6" creationId="{FC76647C-B0EC-814A-FAF9-D4C3FC17E70C}"/>
          </ac:picMkLst>
        </pc:picChg>
        <pc:picChg chg="add mod ord">
          <ac:chgData name="Nataly Echezuria" userId="016cf74e-e64d-40ef-b55b-1485ed1ed370" providerId="ADAL" clId="{A8116217-1AF8-41D4-97A4-9E1DF48D2787}" dt="2024-01-05T12:00:23.409" v="225"/>
          <ac:picMkLst>
            <pc:docMk/>
            <pc:sldMk cId="847787837" sldId="274"/>
            <ac:picMk id="11" creationId="{DDE1ABED-4963-DBB0-B805-E1D97BD59946}"/>
          </ac:picMkLst>
        </pc:picChg>
        <pc:picChg chg="del">
          <ac:chgData name="Nataly Echezuria" userId="016cf74e-e64d-40ef-b55b-1485ed1ed370" providerId="ADAL" clId="{A8116217-1AF8-41D4-97A4-9E1DF48D2787}" dt="2024-01-05T11:54:52.388" v="137" actId="478"/>
          <ac:picMkLst>
            <pc:docMk/>
            <pc:sldMk cId="847787837" sldId="274"/>
            <ac:picMk id="13" creationId="{176CC98A-6E11-5AF9-5239-963BC985FF30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5/01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5 January 2024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223583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5 January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02226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5 January 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30331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5 January 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0405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5 January 2024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496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5 January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013094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5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64083-8682-4D5C-A107-1853638C6A31}" type="datetime3">
              <a:rPr lang="en-US"/>
              <a:t>5 January 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332147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89537979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5/01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710431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168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1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5 January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4635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ighc/" TargetMode="Externa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3" name="Picture Placeholder 32" descr="A waterfall in a mountain&#10;&#10;Description automatically generated">
            <a:extLst>
              <a:ext uri="{FF2B5EF4-FFF2-40B4-BE49-F238E27FC236}">
                <a16:creationId xmlns:a16="http://schemas.microsoft.com/office/drawing/2014/main" id="{4B0BE89B-4161-972C-5110-DE1F5DA63E36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ph type="pic" sz="quarter" idx="11"/>
          </p:nvPr>
        </p:nvPicPr>
        <p:blipFill>
          <a:blip r:embed="rId3"/>
          <a:srcRect/>
          <a:stretch>
            <a:fillRect/>
          </a:stretch>
        </p:blipFill>
        <p:spPr/>
      </p:pic>
      <p:sp>
        <p:nvSpPr>
          <p:cNvPr id="2" name="Title 29">
            <a:extLst>
              <a:ext uri="{FF2B5EF4-FFF2-40B4-BE49-F238E27FC236}">
                <a16:creationId xmlns:a16="http://schemas.microsoft.com/office/drawing/2014/main" id="{86BBEA38-D4EA-354A-C0A7-F4FF3D9D75D3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ctrTitle"/>
          </p:nvPr>
        </p:nvSpPr>
        <p:spPr>
          <a:xfrm>
            <a:off x="349101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4285332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430000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IGHC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R="0" lvl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  <a:hlinkClick r:id="rId2"/>
              </a:rPr>
              <a:t>IGHC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</a:rPr>
              <a:t>! 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1099490-13FF-5757-CCED-2CEBEA7250B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82734" y="3760351"/>
            <a:ext cx="4826532" cy="27056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32" descr="A waterfall in a mountain&#10;&#10;Description automatically generated">
            <a:extLst>
              <a:ext uri="{FF2B5EF4-FFF2-40B4-BE49-F238E27FC236}">
                <a16:creationId xmlns:a16="http://schemas.microsoft.com/office/drawing/2014/main" id="{DDE1ABED-4963-DBB0-B805-E1D97BD59946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/>
          <a:srcRect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44404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8" name="Picture Placeholder">
            <a:extLst>
              <a:ext uri="{FF2B5EF4-FFF2-40B4-BE49-F238E27FC236}">
                <a16:creationId xmlns:a16="http://schemas.microsoft.com/office/drawing/2014/main" id="{B1601A08-41E0-6E3A-8352-1CDE1E167D9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253061" y="553252"/>
            <a:ext cx="4673599" cy="4679202"/>
          </a:xfrm>
        </p:spPr>
      </p:sp>
    </p:spTree>
    <p:extLst>
      <p:ext uri="{BB962C8B-B14F-4D97-AF65-F5344CB8AC3E}">
        <p14:creationId xmlns:p14="http://schemas.microsoft.com/office/powerpoint/2010/main" val="8477878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32" descr="A waterfall in a mountain&#10;&#10;Description automatically generated">
            <a:extLst>
              <a:ext uri="{FF2B5EF4-FFF2-40B4-BE49-F238E27FC236}">
                <a16:creationId xmlns:a16="http://schemas.microsoft.com/office/drawing/2014/main" id="{F6431743-B646-DE62-FE89-66BD5F91C881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/>
          <a:srcRect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0" name="Join me">
            <a:extLst>
              <a:ext uri="{FF2B5EF4-FFF2-40B4-BE49-F238E27FC236}">
                <a16:creationId xmlns:a16="http://schemas.microsoft.com/office/drawing/2014/main" id="{3AEA561C-FDFF-CCBC-88F5-F891CB5B4C91}"/>
              </a:ext>
            </a:extLst>
          </p:cNvPr>
          <p:cNvSpPr txBox="1"/>
          <p:nvPr/>
        </p:nvSpPr>
        <p:spPr>
          <a:xfrm>
            <a:off x="274426" y="4266251"/>
            <a:ext cx="7194550" cy="156966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4800" b="1" i="0" dirty="0">
                <a:solidFill>
                  <a:schemeClr val="bg1"/>
                </a:solidFill>
                <a:effectLst/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</a:t>
            </a:r>
          </a:p>
          <a:p>
            <a:r>
              <a:rPr lang="en-US" sz="4800" b="1" dirty="0">
                <a:solidFill>
                  <a:schemeClr val="bg1"/>
                </a:solidFill>
                <a:latin typeface="Aktiv Grotesk Medium"/>
                <a:ea typeface="Aktiv Grotesk Medium" panose="020B0504020202020204" pitchFamily="34" charset="0"/>
                <a:cs typeface="Aktiv Grotesk Medium" panose="020B0504020202020204" pitchFamily="34" charset="0"/>
              </a:rPr>
              <a:t>THE IGHC 2024!</a:t>
            </a:r>
            <a:endParaRPr lang="en-US" sz="4800" dirty="0">
              <a:solidFill>
                <a:schemeClr val="bg1"/>
              </a:solidFill>
              <a:latin typeface="Aktiv Grotesk Medium"/>
              <a:ea typeface="Aktiv Grotesk Medium" panose="020B0504020202020204" pitchFamily="34" charset="0"/>
              <a:cs typeface="Aktiv Grotesk Medium" panose="020B05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898838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8" ma:contentTypeDescription="Create a new document." ma:contentTypeScope="" ma:versionID="8f7f5775543f79acbde25c913a60986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3c7a8ead1715696ef4fb2f1cf37e2cf7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Teammemberincharge xmlns="4ffaaae9-dc8c-459f-a92e-1529c78bcbdb" xsi:nil="true"/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</documentManagement>
</p:properties>
</file>

<file path=customXml/itemProps1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6870F271-1A08-48AE-8C18-B8377B5EFE3E}">
  <ds:schemaRefs>
    <ds:schemaRef ds:uri="4ffaaae9-dc8c-459f-a92e-1529c78bcbdb"/>
    <ds:schemaRef ds:uri="86e16ca4-215f-4354-b2b5-4fac53992da1"/>
    <ds:schemaRef ds:uri="da655568-1247-43c7-b5ce-0d71de2fb494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B98825FB-E388-4F1F-8116-2A8A65DD839A}">
  <ds:schemaRefs>
    <ds:schemaRef ds:uri="http://schemas.microsoft.com/office/2006/metadata/properties"/>
    <ds:schemaRef ds:uri="http://schemas.microsoft.com/office/2006/documentManagement/types"/>
    <ds:schemaRef ds:uri="http://purl.org/dc/terms/"/>
    <ds:schemaRef ds:uri="http://purl.org/dc/dcmitype/"/>
    <ds:schemaRef ds:uri="da655568-1247-43c7-b5ce-0d71de2fb494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86e16ca4-215f-4354-b2b5-4fac53992da1"/>
    <ds:schemaRef ds:uri="4ffaaae9-dc8c-459f-a92e-1529c78bcbdb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39</TotalTime>
  <Words>119</Words>
  <Application>Microsoft Office PowerPoint</Application>
  <PresentationFormat>Widescreen</PresentationFormat>
  <Paragraphs>11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Medium</vt:lpstr>
      <vt:lpstr>Arial</vt:lpstr>
      <vt:lpstr>Calibri</vt:lpstr>
      <vt:lpstr>Calibri Light</vt:lpstr>
      <vt:lpstr>Office Theme</vt:lpstr>
      <vt:lpstr>IATA_Master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Nataly Echezuria</cp:lastModifiedBy>
  <cp:revision>5</cp:revision>
  <dcterms:created xsi:type="dcterms:W3CDTF">2021-04-21T15:11:41Z</dcterms:created>
  <dcterms:modified xsi:type="dcterms:W3CDTF">2024-01-05T12:00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lassificationContentMarkingFooterLocations">
    <vt:lpwstr>Office Theme:8</vt:lpwstr>
  </property>
  <property fmtid="{D5CDD505-2E9C-101B-9397-08002B2CF9AE}" pid="10" name="ClassificationContentMarkingFooterText">
    <vt:lpwstr>Information Classification: General</vt:lpwstr>
  </property>
  <property fmtid="{D5CDD505-2E9C-101B-9397-08002B2CF9AE}" pid="11" name="ContentTypeId">
    <vt:lpwstr>0x0101002D35BE1AB82ED949983D4C3BEFB295AA</vt:lpwstr>
  </property>
  <property fmtid="{D5CDD505-2E9C-101B-9397-08002B2CF9AE}" pid="12" name="MediaServiceImageTags">
    <vt:lpwstr/>
  </property>
  <property fmtid="{D5CDD505-2E9C-101B-9397-08002B2CF9AE}" pid="13" name="Order">
    <vt:lpwstr>299200.000000000</vt:lpwstr>
  </property>
  <property fmtid="{D5CDD505-2E9C-101B-9397-08002B2CF9AE}" pid="14" name="xd_ProgID">
    <vt:lpwstr/>
  </property>
  <property fmtid="{D5CDD505-2E9C-101B-9397-08002B2CF9AE}" pid="15" name="ComplianceAssetId">
    <vt:lpwstr/>
  </property>
  <property fmtid="{D5CDD505-2E9C-101B-9397-08002B2CF9AE}" pid="16" name="TemplateUrl">
    <vt:lpwstr/>
  </property>
  <property fmtid="{D5CDD505-2E9C-101B-9397-08002B2CF9AE}" pid="17" name="_ExtendedDescription">
    <vt:lpwstr/>
  </property>
  <property fmtid="{D5CDD505-2E9C-101B-9397-08002B2CF9AE}" pid="18" name="TriggerFlowInfo">
    <vt:lpwstr/>
  </property>
  <property fmtid="{D5CDD505-2E9C-101B-9397-08002B2CF9AE}" pid="19" name="xd_Signature">
    <vt:lpwstr/>
  </property>
  <property fmtid="{D5CDD505-2E9C-101B-9397-08002B2CF9AE}" pid="20" name="SharedWithUsers">
    <vt:lpwstr>90;#Katie Erofeeva;#51;#Kim Wee;#87;#Macarena Losada</vt:lpwstr>
  </property>
</Properties>
</file>